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13DB3" w:rsidRDefault="007C014A">
      <w:r>
        <w:rPr>
          <w:noProof/>
        </w:rPr>
        <w:drawing>
          <wp:inline distT="0" distB="0" distL="0" distR="0">
            <wp:extent cx="3009900" cy="2257424"/>
            <wp:effectExtent l="0" t="0" r="0" b="0"/>
            <wp:docPr id="1" name="圖片 1" descr="C:\Users\i2707\AppData\Local\Microsoft\Windows\Temporary Internet Files\Content.Word\IMG_417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2707\AppData\Local\Microsoft\Windows\Temporary Internet Files\Content.Word\IMG_4174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20996" cy="22657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0B734A">
        <w:rPr>
          <w:rFonts w:hint="eastAsia"/>
        </w:rPr>
        <w:t xml:space="preserve"> </w:t>
      </w:r>
      <w:r w:rsidR="000B734A">
        <w:rPr>
          <w:noProof/>
        </w:rPr>
        <w:drawing>
          <wp:inline distT="0" distB="0" distL="0" distR="0" wp14:anchorId="0E538023" wp14:editId="34676933">
            <wp:extent cx="2226959" cy="1670599"/>
            <wp:effectExtent l="0" t="7302" r="0" b="0"/>
            <wp:docPr id="2" name="圖片 2" descr="C:\Users\i2707\AppData\Local\Microsoft\Windows\Temporary Internet Files\Content.Word\IMG_417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2707\AppData\Local\Microsoft\Windows\Temporary Internet Files\Content.Word\IMG_4175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268139" cy="17014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C014A" w:rsidRDefault="007C014A" w:rsidP="007C014A">
      <w:pPr>
        <w:ind w:firstLineChars="50" w:firstLine="120"/>
      </w:pPr>
      <w:r>
        <w:rPr>
          <w:rFonts w:hint="eastAsia"/>
        </w:rPr>
        <w:t>質量流量計共</w:t>
      </w:r>
      <w:r>
        <w:rPr>
          <w:rFonts w:hint="eastAsia"/>
        </w:rPr>
        <w:t>4</w:t>
      </w:r>
      <w:r>
        <w:rPr>
          <w:rFonts w:hint="eastAsia"/>
        </w:rPr>
        <w:t>台</w:t>
      </w:r>
      <w:r w:rsidR="000B734A">
        <w:rPr>
          <w:rFonts w:hint="eastAsia"/>
        </w:rPr>
        <w:t xml:space="preserve">  </w:t>
      </w:r>
      <w:r>
        <w:rPr>
          <w:rFonts w:hint="eastAsia"/>
        </w:rPr>
        <w:t>手提式氣體偵測器</w:t>
      </w:r>
      <w:r>
        <w:rPr>
          <w:rFonts w:hint="eastAsia"/>
        </w:rPr>
        <w:t>1</w:t>
      </w:r>
      <w:r>
        <w:rPr>
          <w:rFonts w:hint="eastAsia"/>
        </w:rPr>
        <w:t>台</w:t>
      </w:r>
      <w:r w:rsidR="000B734A">
        <w:rPr>
          <w:rFonts w:hint="eastAsia"/>
        </w:rPr>
        <w:t xml:space="preserve">          </w:t>
      </w:r>
      <w:r w:rsidR="000B734A">
        <w:rPr>
          <w:rFonts w:hint="eastAsia"/>
        </w:rPr>
        <w:t>高溫爐</w:t>
      </w:r>
    </w:p>
    <w:p w:rsidR="007C014A" w:rsidRDefault="007C014A"/>
    <w:p w:rsidR="007C014A" w:rsidRDefault="007C014A">
      <w:r>
        <w:rPr>
          <w:rFonts w:hint="eastAsia"/>
        </w:rPr>
        <w:t xml:space="preserve"> </w:t>
      </w:r>
      <w:r>
        <w:rPr>
          <w:noProof/>
        </w:rPr>
        <w:drawing>
          <wp:inline distT="0" distB="0" distL="0" distR="0" wp14:anchorId="6267B6B0" wp14:editId="3FD85E85">
            <wp:extent cx="2298939" cy="1724596"/>
            <wp:effectExtent l="1587" t="0" r="7938" b="7937"/>
            <wp:docPr id="3" name="圖片 3" descr="C:\Users\i2707\AppData\Local\Microsoft\Windows\Temporary Internet Files\Content.Word\IMG_418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2707\AppData\Local\Microsoft\Windows\Temporary Internet Files\Content.Word\IMG_4180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305234" cy="17293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0B734A">
        <w:rPr>
          <w:rFonts w:hint="eastAsia"/>
        </w:rPr>
        <w:t xml:space="preserve"> </w:t>
      </w:r>
      <w:r w:rsidR="000B734A">
        <w:rPr>
          <w:noProof/>
        </w:rPr>
        <w:drawing>
          <wp:inline distT="0" distB="0" distL="0" distR="0" wp14:anchorId="67147B9C" wp14:editId="17D710C7">
            <wp:extent cx="2070632" cy="1615551"/>
            <wp:effectExtent l="0" t="1270" r="5080" b="5080"/>
            <wp:docPr id="4" name="圖片 4" descr="C:\Users\i2707\AppData\Local\Microsoft\Windows\Temporary Internet Files\Content.Word\IMG_418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i2707\AppData\Local\Microsoft\Windows\Temporary Internet Files\Content.Word\IMG_418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2252" t="17609" r="26223" b="28803"/>
                    <a:stretch/>
                  </pic:blipFill>
                  <pic:spPr bwMode="auto">
                    <a:xfrm rot="5400000">
                      <a:off x="0" y="0"/>
                      <a:ext cx="2097587" cy="16365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="000B734A">
        <w:rPr>
          <w:rFonts w:hint="eastAsia"/>
        </w:rPr>
        <w:t xml:space="preserve"> </w:t>
      </w:r>
      <w:r w:rsidR="000B734A">
        <w:rPr>
          <w:noProof/>
        </w:rPr>
        <w:drawing>
          <wp:inline distT="0" distB="0" distL="0" distR="0" wp14:anchorId="548F3640" wp14:editId="152106ED">
            <wp:extent cx="2190011" cy="1641321"/>
            <wp:effectExtent l="7620" t="0" r="8890" b="8890"/>
            <wp:docPr id="5" name="圖片 5" descr="C:\Users\i2707\AppData\Local\Microsoft\Windows\Temporary Internet Files\Content.Word\IMG_418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i2707\AppData\Local\Microsoft\Windows\Temporary Internet Files\Content.Word\IMG_4184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203179" cy="16511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C014A" w:rsidRDefault="007C014A" w:rsidP="007C014A">
      <w:pPr>
        <w:ind w:firstLineChars="50" w:firstLine="120"/>
      </w:pPr>
      <w:r>
        <w:rPr>
          <w:rFonts w:hint="eastAsia"/>
        </w:rPr>
        <w:t>電力負載測試裝置</w:t>
      </w:r>
      <w:r w:rsidR="000B734A">
        <w:rPr>
          <w:rFonts w:hint="eastAsia"/>
        </w:rPr>
        <w:t xml:space="preserve">         </w:t>
      </w:r>
      <w:r>
        <w:rPr>
          <w:rFonts w:hint="eastAsia"/>
        </w:rPr>
        <w:t>儲存箱</w:t>
      </w:r>
      <w:r>
        <w:rPr>
          <w:rFonts w:hint="eastAsia"/>
        </w:rPr>
        <w:t xml:space="preserve">                 14</w:t>
      </w:r>
      <w:r>
        <w:rPr>
          <w:rFonts w:hint="eastAsia"/>
        </w:rPr>
        <w:t>吋電扇</w:t>
      </w:r>
      <w:bookmarkStart w:id="0" w:name="_GoBack"/>
      <w:bookmarkEnd w:id="0"/>
    </w:p>
    <w:sectPr w:rsidR="007C014A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23EDD" w:rsidRDefault="00A23EDD" w:rsidP="005A2362">
      <w:r>
        <w:separator/>
      </w:r>
    </w:p>
  </w:endnote>
  <w:endnote w:type="continuationSeparator" w:id="0">
    <w:p w:rsidR="00A23EDD" w:rsidRDefault="00A23EDD" w:rsidP="005A236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23EDD" w:rsidRDefault="00A23EDD" w:rsidP="005A2362">
      <w:r>
        <w:separator/>
      </w:r>
    </w:p>
  </w:footnote>
  <w:footnote w:type="continuationSeparator" w:id="0">
    <w:p w:rsidR="00A23EDD" w:rsidRDefault="00A23EDD" w:rsidP="005A2362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activeWritingStyle w:appName="MSWord" w:lang="en-US" w:vendorID="64" w:dllVersion="131078" w:nlCheck="1" w:checkStyle="0"/>
  <w:activeWritingStyle w:appName="MSWord" w:lang="zh-TW" w:vendorID="64" w:dllVersion="131077" w:nlCheck="1" w:checkStyle="1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05AB4"/>
    <w:rsid w:val="000B734A"/>
    <w:rsid w:val="003300B3"/>
    <w:rsid w:val="005A2362"/>
    <w:rsid w:val="0062492A"/>
    <w:rsid w:val="007C014A"/>
    <w:rsid w:val="007C30D4"/>
    <w:rsid w:val="00A05AB4"/>
    <w:rsid w:val="00A14131"/>
    <w:rsid w:val="00A23EDD"/>
    <w:rsid w:val="00B13DB3"/>
    <w:rsid w:val="00D5348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0EB518D1"/>
  <w15:docId w15:val="{33EAC9E0-CD21-424F-B09D-8C8F0EE6B7B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7C014A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7C014A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5A2362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5A2362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5A2362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5A2362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3" Type="http://schemas.openxmlformats.org/officeDocument/2006/relationships/webSettings" Target="webSettings.xml"/><Relationship Id="rId7" Type="http://schemas.openxmlformats.org/officeDocument/2006/relationships/image" Target="media/image2.jpeg"/><Relationship Id="rId12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fontTable" Target="fontTable.xml"/><Relationship Id="rId5" Type="http://schemas.openxmlformats.org/officeDocument/2006/relationships/endnotes" Target="endnotes.xml"/><Relationship Id="rId10" Type="http://schemas.openxmlformats.org/officeDocument/2006/relationships/image" Target="media/image5.jpeg"/><Relationship Id="rId4" Type="http://schemas.openxmlformats.org/officeDocument/2006/relationships/footnotes" Target="footnotes.xml"/><Relationship Id="rId9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3</TotalTime>
  <Pages>1</Pages>
  <Words>13</Words>
  <Characters>76</Characters>
  <Application>Microsoft Office Word</Application>
  <DocSecurity>0</DocSecurity>
  <Lines>1</Lines>
  <Paragraphs>1</Paragraphs>
  <ScaleCrop>false</ScaleCrop>
  <Company/>
  <LinksUpToDate>false</LinksUpToDate>
  <CharactersWithSpaces>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胡譯心</dc:creator>
  <cp:keywords/>
  <dc:description/>
  <cp:lastModifiedBy>邱顯都</cp:lastModifiedBy>
  <cp:revision>4</cp:revision>
  <dcterms:created xsi:type="dcterms:W3CDTF">2019-04-11T05:58:00Z</dcterms:created>
  <dcterms:modified xsi:type="dcterms:W3CDTF">2019-04-15T02:56:00Z</dcterms:modified>
</cp:coreProperties>
</file>